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221002\Desktop\"/>
    </mc:Choice>
  </mc:AlternateContent>
  <xr:revisionPtr revIDLastSave="0" documentId="8_{532DCAC7-D771-430B-B181-95B2766E4711}" xr6:coauthVersionLast="36" xr6:coauthVersionMax="36" xr10:uidLastSave="{00000000-0000-0000-0000-000000000000}"/>
  <bookViews>
    <workbookView xWindow="0" yWindow="0" windowWidth="20490" windowHeight="8865" xr2:uid="{A5659B4C-9181-4F26-9733-EAB903D95BEF}"/>
  </bookViews>
  <sheets>
    <sheet name="射水市(HP用・幼稚園) " sheetId="1" r:id="rId1"/>
  </sheets>
  <definedNames>
    <definedName name="_xlnm.Print_Area" localSheetId="0">'射水市(HP用・幼稚園) '!$A$1:$J$13</definedName>
  </definedNames>
  <calcPr calcId="191029" iterateDelta="1E-4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70">
  <si>
    <t>地区</t>
    <rPh sb="0" eb="2">
      <t>チク</t>
    </rPh>
    <phoneticPr fontId="3"/>
  </si>
  <si>
    <t>幼稚園等名</t>
    <rPh sb="0" eb="3">
      <t>ヨウチエン</t>
    </rPh>
    <rPh sb="2" eb="3">
      <t>エン</t>
    </rPh>
    <rPh sb="3" eb="4">
      <t>トウ</t>
    </rPh>
    <rPh sb="4" eb="5">
      <t>メイ</t>
    </rPh>
    <phoneticPr fontId="3"/>
  </si>
  <si>
    <t>設置者</t>
    <rPh sb="0" eb="3">
      <t>セッチシャ</t>
    </rPh>
    <phoneticPr fontId="3"/>
  </si>
  <si>
    <t>利用定員</t>
    <rPh sb="0" eb="2">
      <t>リヨウ</t>
    </rPh>
    <rPh sb="2" eb="4">
      <t>テイイン</t>
    </rPh>
    <phoneticPr fontId="3"/>
  </si>
  <si>
    <t>所在地</t>
    <rPh sb="0" eb="3">
      <t>ショザイチ</t>
    </rPh>
    <phoneticPr fontId="3"/>
  </si>
  <si>
    <t>電話番号</t>
    <rPh sb="0" eb="2">
      <t>デンワ</t>
    </rPh>
    <rPh sb="2" eb="4">
      <t>バンゴウ</t>
    </rPh>
    <phoneticPr fontId="3"/>
  </si>
  <si>
    <t>FAX</t>
    <phoneticPr fontId="3"/>
  </si>
  <si>
    <t>対象年齢</t>
    <rPh sb="0" eb="2">
      <t>タイショウ</t>
    </rPh>
    <rPh sb="2" eb="4">
      <t>ネンレイ</t>
    </rPh>
    <phoneticPr fontId="3"/>
  </si>
  <si>
    <t>開園時間</t>
    <rPh sb="0" eb="2">
      <t>カイエン</t>
    </rPh>
    <rPh sb="2" eb="4">
      <t>ジカン</t>
    </rPh>
    <phoneticPr fontId="3"/>
  </si>
  <si>
    <t>新湊</t>
    <rPh sb="0" eb="2">
      <t>シンミナト</t>
    </rPh>
    <phoneticPr fontId="3"/>
  </si>
  <si>
    <t>七美幼稚園</t>
    <rPh sb="0" eb="1">
      <t>シチ</t>
    </rPh>
    <rPh sb="1" eb="2">
      <t>ビ</t>
    </rPh>
    <rPh sb="2" eb="5">
      <t>ヨウチエン</t>
    </rPh>
    <phoneticPr fontId="3"/>
  </si>
  <si>
    <t>射水市</t>
    <rPh sb="0" eb="2">
      <t>イミズ</t>
    </rPh>
    <rPh sb="2" eb="3">
      <t>シ</t>
    </rPh>
    <phoneticPr fontId="3"/>
  </si>
  <si>
    <t>七美1014番地</t>
    <rPh sb="0" eb="1">
      <t>シチ</t>
    </rPh>
    <rPh sb="1" eb="2">
      <t>ビ</t>
    </rPh>
    <rPh sb="6" eb="8">
      <t>バンチ</t>
    </rPh>
    <phoneticPr fontId="3"/>
  </si>
  <si>
    <t>86-0048</t>
  </si>
  <si>
    <t>3歳～5歳</t>
    <rPh sb="1" eb="2">
      <t>サイ</t>
    </rPh>
    <rPh sb="4" eb="5">
      <t>サイ</t>
    </rPh>
    <phoneticPr fontId="3"/>
  </si>
  <si>
    <t>8:00～17:00</t>
  </si>
  <si>
    <t>海老江こども園
（１号）</t>
    <rPh sb="0" eb="3">
      <t>エビエ</t>
    </rPh>
    <rPh sb="6" eb="7">
      <t>エン</t>
    </rPh>
    <rPh sb="10" eb="11">
      <t>ゴウ</t>
    </rPh>
    <phoneticPr fontId="3"/>
  </si>
  <si>
    <t>射水万葉会</t>
    <rPh sb="0" eb="2">
      <t>イミズ</t>
    </rPh>
    <rPh sb="2" eb="4">
      <t>マンヨウ</t>
    </rPh>
    <rPh sb="4" eb="5">
      <t>カイ</t>
    </rPh>
    <phoneticPr fontId="3"/>
  </si>
  <si>
    <t>海老江1057番地</t>
    <rPh sb="0" eb="3">
      <t>エビエ</t>
    </rPh>
    <rPh sb="7" eb="9">
      <t>バンチ</t>
    </rPh>
    <phoneticPr fontId="3"/>
  </si>
  <si>
    <t>86-5050</t>
  </si>
  <si>
    <t>86-5021</t>
  </si>
  <si>
    <t>3歳～5歳</t>
    <phoneticPr fontId="3"/>
  </si>
  <si>
    <t>7:00～20:00</t>
  </si>
  <si>
    <t>新湊うみいろこども園
（１号）</t>
    <rPh sb="0" eb="2">
      <t>シンミナト</t>
    </rPh>
    <rPh sb="9" eb="10">
      <t>エン</t>
    </rPh>
    <rPh sb="13" eb="14">
      <t>ゴウ</t>
    </rPh>
    <phoneticPr fontId="3"/>
  </si>
  <si>
    <t>庄川本町25番35号</t>
    <rPh sb="0" eb="4">
      <t>ショウガワホンマチ</t>
    </rPh>
    <rPh sb="6" eb="7">
      <t>バン</t>
    </rPh>
    <rPh sb="9" eb="10">
      <t>ゴウ</t>
    </rPh>
    <phoneticPr fontId="3"/>
  </si>
  <si>
    <t>92-0606</t>
    <phoneticPr fontId="3"/>
  </si>
  <si>
    <t>92-0707</t>
  </si>
  <si>
    <t>新湊つくりみちこども園
（１号）</t>
    <rPh sb="0" eb="2">
      <t>シンミナト</t>
    </rPh>
    <rPh sb="10" eb="11">
      <t>エン</t>
    </rPh>
    <rPh sb="14" eb="15">
      <t>ゴウ</t>
    </rPh>
    <phoneticPr fontId="3"/>
  </si>
  <si>
    <t>(福)浦山学園福祉会</t>
    <rPh sb="1" eb="2">
      <t>フク</t>
    </rPh>
    <rPh sb="3" eb="5">
      <t>ウラヤマ</t>
    </rPh>
    <rPh sb="5" eb="7">
      <t>ガクエン</t>
    </rPh>
    <rPh sb="7" eb="9">
      <t>フクシ</t>
    </rPh>
    <rPh sb="9" eb="10">
      <t>カイ</t>
    </rPh>
    <phoneticPr fontId="3"/>
  </si>
  <si>
    <t>殿村115番地</t>
    <rPh sb="0" eb="2">
      <t>トノムラ</t>
    </rPh>
    <rPh sb="5" eb="7">
      <t>バンチ</t>
    </rPh>
    <phoneticPr fontId="3"/>
  </si>
  <si>
    <t>82-8787</t>
  </si>
  <si>
    <t>82-8782</t>
  </si>
  <si>
    <t>3歳～5歳</t>
  </si>
  <si>
    <t>小杉</t>
    <rPh sb="0" eb="2">
      <t>コスギ</t>
    </rPh>
    <phoneticPr fontId="3"/>
  </si>
  <si>
    <t>あおい幼稚園
（１号）</t>
    <rPh sb="3" eb="6">
      <t>ヨウチエン</t>
    </rPh>
    <rPh sb="9" eb="10">
      <t>ゴウ</t>
    </rPh>
    <phoneticPr fontId="3"/>
  </si>
  <si>
    <t>（学）鷹寺学園</t>
    <rPh sb="1" eb="2">
      <t>ガク</t>
    </rPh>
    <rPh sb="3" eb="4">
      <t>タカ</t>
    </rPh>
    <rPh sb="4" eb="5">
      <t>テラ</t>
    </rPh>
    <rPh sb="5" eb="7">
      <t>ガクエン</t>
    </rPh>
    <phoneticPr fontId="3"/>
  </si>
  <si>
    <t>戸破4401番地1</t>
    <rPh sb="0" eb="1">
      <t>ト</t>
    </rPh>
    <rPh sb="1" eb="2">
      <t>ハ</t>
    </rPh>
    <rPh sb="6" eb="8">
      <t>バンチ</t>
    </rPh>
    <phoneticPr fontId="3"/>
  </si>
  <si>
    <t>55-1157</t>
  </si>
  <si>
    <t>7:30～19:00</t>
  </si>
  <si>
    <t>太閤山あおい園
（１号）</t>
    <rPh sb="0" eb="3">
      <t>タイコウヤマ</t>
    </rPh>
    <rPh sb="6" eb="7">
      <t>エン</t>
    </rPh>
    <rPh sb="10" eb="11">
      <t>ゴウ</t>
    </rPh>
    <phoneticPr fontId="3"/>
  </si>
  <si>
    <t>太閤山８丁目４番地２</t>
    <rPh sb="0" eb="2">
      <t>タイコウ</t>
    </rPh>
    <rPh sb="2" eb="3">
      <t>ヤマ</t>
    </rPh>
    <rPh sb="4" eb="6">
      <t>チョウメ</t>
    </rPh>
    <rPh sb="7" eb="9">
      <t>バンチ</t>
    </rPh>
    <phoneticPr fontId="3"/>
  </si>
  <si>
    <t>56-1230</t>
  </si>
  <si>
    <t>56-1231</t>
  </si>
  <si>
    <t>第三あおい幼稚園
（１号）</t>
    <rPh sb="0" eb="1">
      <t>ダイ</t>
    </rPh>
    <rPh sb="1" eb="2">
      <t>サン</t>
    </rPh>
    <rPh sb="5" eb="8">
      <t>ヨウチエン</t>
    </rPh>
    <phoneticPr fontId="3"/>
  </si>
  <si>
    <t>南太閤山12丁目22番地</t>
    <rPh sb="0" eb="1">
      <t>ミナミ</t>
    </rPh>
    <rPh sb="1" eb="3">
      <t>タイコウ</t>
    </rPh>
    <rPh sb="3" eb="4">
      <t>ヤマ</t>
    </rPh>
    <rPh sb="6" eb="8">
      <t>チョウメ</t>
    </rPh>
    <rPh sb="10" eb="12">
      <t>バンチ</t>
    </rPh>
    <phoneticPr fontId="3"/>
  </si>
  <si>
    <t>56-6560</t>
  </si>
  <si>
    <t>小杉東部保育園
（１号）</t>
    <rPh sb="0" eb="2">
      <t>コスギ</t>
    </rPh>
    <rPh sb="2" eb="4">
      <t>トウブ</t>
    </rPh>
    <rPh sb="4" eb="6">
      <t>ホイク</t>
    </rPh>
    <rPh sb="6" eb="7">
      <t>エン</t>
    </rPh>
    <phoneticPr fontId="3"/>
  </si>
  <si>
    <t>(福)鷹寺福祉会</t>
    <rPh sb="1" eb="2">
      <t>フク</t>
    </rPh>
    <rPh sb="3" eb="4">
      <t>タカ</t>
    </rPh>
    <rPh sb="4" eb="5">
      <t>デラ</t>
    </rPh>
    <rPh sb="5" eb="7">
      <t>フクシ</t>
    </rPh>
    <rPh sb="7" eb="8">
      <t>カイ</t>
    </rPh>
    <phoneticPr fontId="3"/>
  </si>
  <si>
    <t>戸破2475番地</t>
    <rPh sb="0" eb="2">
      <t>ヒバリ</t>
    </rPh>
    <rPh sb="6" eb="8">
      <t>バンチ</t>
    </rPh>
    <phoneticPr fontId="3"/>
  </si>
  <si>
    <t>55-0426</t>
  </si>
  <si>
    <t>黒河保育園
（１号）</t>
    <rPh sb="0" eb="2">
      <t>クロカワ</t>
    </rPh>
    <rPh sb="2" eb="5">
      <t>ホイクエン</t>
    </rPh>
    <rPh sb="8" eb="9">
      <t>ゴウ</t>
    </rPh>
    <phoneticPr fontId="3"/>
  </si>
  <si>
    <t>(福)黒河児童福祉会</t>
    <rPh sb="1" eb="2">
      <t>フク</t>
    </rPh>
    <rPh sb="3" eb="5">
      <t>クロカワ</t>
    </rPh>
    <rPh sb="5" eb="7">
      <t>ジドウ</t>
    </rPh>
    <rPh sb="7" eb="9">
      <t>フクシ</t>
    </rPh>
    <rPh sb="9" eb="10">
      <t>カイ</t>
    </rPh>
    <phoneticPr fontId="3"/>
  </si>
  <si>
    <t>黒河3107番地6</t>
    <rPh sb="0" eb="2">
      <t>クロカワ</t>
    </rPh>
    <rPh sb="6" eb="8">
      <t>バンチ</t>
    </rPh>
    <phoneticPr fontId="3"/>
  </si>
  <si>
    <t>56-3312</t>
  </si>
  <si>
    <t>56-3615</t>
  </si>
  <si>
    <t>7:00～19:00</t>
  </si>
  <si>
    <t>あいあい保育園
（１号）</t>
    <rPh sb="4" eb="7">
      <t>ホイクエン</t>
    </rPh>
    <phoneticPr fontId="3"/>
  </si>
  <si>
    <t>(福)小杉福祉会</t>
    <rPh sb="1" eb="2">
      <t>フク</t>
    </rPh>
    <rPh sb="3" eb="5">
      <t>コスギ</t>
    </rPh>
    <rPh sb="5" eb="7">
      <t>フクシ</t>
    </rPh>
    <rPh sb="7" eb="8">
      <t>カイ</t>
    </rPh>
    <phoneticPr fontId="3"/>
  </si>
  <si>
    <t>南太閤山17丁目1番地1</t>
    <rPh sb="0" eb="1">
      <t>ミナミ</t>
    </rPh>
    <rPh sb="1" eb="4">
      <t>タイコウヤマ</t>
    </rPh>
    <rPh sb="6" eb="8">
      <t>チョウメ</t>
    </rPh>
    <rPh sb="9" eb="11">
      <t>バンチ</t>
    </rPh>
    <phoneticPr fontId="3"/>
  </si>
  <si>
    <t>56-4141</t>
  </si>
  <si>
    <t>56-4142</t>
  </si>
  <si>
    <t>小杉西部こども園
（１号）</t>
    <rPh sb="0" eb="2">
      <t>コスギ</t>
    </rPh>
    <rPh sb="2" eb="4">
      <t>セイブ</t>
    </rPh>
    <rPh sb="7" eb="8">
      <t>エン</t>
    </rPh>
    <phoneticPr fontId="3"/>
  </si>
  <si>
    <t>三ケ933番地１</t>
    <rPh sb="0" eb="1">
      <t>サン</t>
    </rPh>
    <rPh sb="5" eb="7">
      <t>バンチ</t>
    </rPh>
    <phoneticPr fontId="3"/>
  </si>
  <si>
    <t>55-3330</t>
  </si>
  <si>
    <t>大門</t>
    <rPh sb="0" eb="2">
      <t>ダイモン</t>
    </rPh>
    <phoneticPr fontId="3"/>
  </si>
  <si>
    <t>大門わかば幼稚園
（１号）</t>
    <rPh sb="0" eb="2">
      <t>ダイモン</t>
    </rPh>
    <rPh sb="5" eb="8">
      <t>ヨウチエン</t>
    </rPh>
    <rPh sb="11" eb="12">
      <t>ゴウ</t>
    </rPh>
    <phoneticPr fontId="3"/>
  </si>
  <si>
    <t>二口427番地1</t>
    <rPh sb="0" eb="2">
      <t>フタクチ</t>
    </rPh>
    <rPh sb="5" eb="7">
      <t>バンチ</t>
    </rPh>
    <phoneticPr fontId="3"/>
  </si>
  <si>
    <t>52-1021</t>
  </si>
  <si>
    <t>52-4284</t>
  </si>
  <si>
    <t>7:00～18: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66">
    <xf numFmtId="0" fontId="0" fillId="0" borderId="0" xfId="0"/>
    <xf numFmtId="0" fontId="2" fillId="0" borderId="1" xfId="0" applyFont="1" applyFill="1" applyBorder="1" applyAlignment="1">
      <alignment horizontal="distributed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shrinkToFit="1"/>
    </xf>
    <xf numFmtId="0" fontId="0" fillId="0" borderId="0" xfId="0" applyFill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vertical="center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center" vertical="center" wrapText="1"/>
    </xf>
    <xf numFmtId="0" fontId="5" fillId="0" borderId="12" xfId="0" applyFont="1" applyFill="1" applyBorder="1" applyAlignment="1">
      <alignment horizontal="center" vertical="center" wrapText="1"/>
    </xf>
    <xf numFmtId="0" fontId="5" fillId="0" borderId="12" xfId="0" applyFont="1" applyFill="1" applyBorder="1" applyAlignment="1">
      <alignment vertical="center" wrapText="1"/>
    </xf>
    <xf numFmtId="0" fontId="1" fillId="0" borderId="12" xfId="0" applyFont="1" applyFill="1" applyBorder="1" applyAlignment="1">
      <alignment horizontal="center" vertical="center"/>
    </xf>
    <xf numFmtId="0" fontId="1" fillId="0" borderId="13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shrinkToFit="1"/>
    </xf>
    <xf numFmtId="0" fontId="5" fillId="0" borderId="15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horizontal="left" vertical="center" shrinkToFit="1"/>
    </xf>
    <xf numFmtId="0" fontId="0" fillId="0" borderId="12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center" vertical="center" shrinkToFit="1"/>
    </xf>
    <xf numFmtId="0" fontId="5" fillId="0" borderId="17" xfId="0" applyFont="1" applyFill="1" applyBorder="1" applyAlignment="1">
      <alignment vertical="center" wrapText="1"/>
    </xf>
    <xf numFmtId="0" fontId="5" fillId="0" borderId="18" xfId="0" applyFont="1" applyFill="1" applyBorder="1" applyAlignment="1">
      <alignment horizontal="left" vertical="center" shrinkToFit="1"/>
    </xf>
    <xf numFmtId="0" fontId="5" fillId="0" borderId="18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vertical="center" wrapText="1"/>
    </xf>
    <xf numFmtId="0" fontId="0" fillId="0" borderId="13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 shrinkToFit="1"/>
    </xf>
    <xf numFmtId="0" fontId="5" fillId="0" borderId="20" xfId="0" applyFont="1" applyFill="1" applyBorder="1" applyAlignment="1">
      <alignment horizontal="center" vertical="center" textRotation="255"/>
    </xf>
    <xf numFmtId="0" fontId="5" fillId="0" borderId="21" xfId="0" applyFont="1" applyFill="1" applyBorder="1" applyAlignment="1">
      <alignment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center" vertical="center" wrapText="1"/>
    </xf>
    <xf numFmtId="0" fontId="5" fillId="0" borderId="23" xfId="0" applyFont="1" applyFill="1" applyBorder="1" applyAlignment="1">
      <alignment horizontal="center" vertical="center" wrapText="1"/>
    </xf>
    <xf numFmtId="0" fontId="5" fillId="0" borderId="22" xfId="0" applyFont="1" applyFill="1" applyBorder="1" applyAlignment="1">
      <alignment vertical="center"/>
    </xf>
    <xf numFmtId="0" fontId="1" fillId="0" borderId="22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 shrinkToFit="1"/>
    </xf>
    <xf numFmtId="0" fontId="5" fillId="0" borderId="7" xfId="0" applyFont="1" applyFill="1" applyBorder="1" applyAlignment="1">
      <alignment horizontal="center" vertical="center" wrapText="1"/>
    </xf>
    <xf numFmtId="0" fontId="5" fillId="0" borderId="25" xfId="0" applyFont="1" applyFill="1" applyBorder="1" applyAlignment="1">
      <alignment vertical="center" wrapText="1"/>
    </xf>
    <xf numFmtId="0" fontId="5" fillId="0" borderId="26" xfId="0" applyFont="1" applyFill="1" applyBorder="1" applyAlignment="1">
      <alignment horizontal="left" vertical="center" wrapText="1" shrinkToFit="1"/>
    </xf>
    <xf numFmtId="0" fontId="5" fillId="0" borderId="26" xfId="0" applyFont="1" applyFill="1" applyBorder="1" applyAlignment="1">
      <alignment horizontal="center" vertical="center" wrapText="1"/>
    </xf>
    <xf numFmtId="0" fontId="5" fillId="0" borderId="27" xfId="0" applyFont="1" applyFill="1" applyBorder="1" applyAlignment="1">
      <alignment vertical="center" wrapText="1"/>
    </xf>
    <xf numFmtId="0" fontId="1" fillId="0" borderId="27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center" vertical="center" wrapText="1"/>
    </xf>
    <xf numFmtId="0" fontId="5" fillId="0" borderId="27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left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vertical="center"/>
    </xf>
    <xf numFmtId="0" fontId="1" fillId="0" borderId="11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vertical="center" wrapText="1"/>
    </xf>
    <xf numFmtId="0" fontId="5" fillId="0" borderId="4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4" xfId="0" applyFont="1" applyFill="1" applyBorder="1" applyAlignment="1">
      <alignment vertical="center"/>
    </xf>
    <xf numFmtId="0" fontId="1" fillId="0" borderId="4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 shrinkToFit="1"/>
    </xf>
    <xf numFmtId="0" fontId="0" fillId="0" borderId="28" xfId="0" applyFill="1" applyBorder="1"/>
    <xf numFmtId="0" fontId="0" fillId="0" borderId="0" xfId="0" applyFill="1" applyBorder="1"/>
    <xf numFmtId="0" fontId="0" fillId="0" borderId="0" xfId="0" applyFill="1" applyAlignment="1">
      <alignment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105DC9-1D7F-4141-A5B9-A665636376DC}">
  <dimension ref="A1:J14"/>
  <sheetViews>
    <sheetView tabSelected="1" view="pageBreakPreview" zoomScaleNormal="75" zoomScaleSheetLayoutView="100" workbookViewId="0">
      <selection activeCell="I4" sqref="I4"/>
    </sheetView>
  </sheetViews>
  <sheetFormatPr defaultColWidth="3.625" defaultRowHeight="30" customHeight="1" x14ac:dyDescent="0.15"/>
  <cols>
    <col min="1" max="1" width="3.625" style="10" customWidth="1"/>
    <col min="2" max="2" width="22.75" style="10" customWidth="1"/>
    <col min="3" max="3" width="16.75" style="10" customWidth="1"/>
    <col min="4" max="4" width="7" style="10" customWidth="1"/>
    <col min="5" max="5" width="0.125" style="10" customWidth="1"/>
    <col min="6" max="6" width="20" style="10" bestFit="1" customWidth="1"/>
    <col min="7" max="7" width="9.125" style="10" customWidth="1"/>
    <col min="8" max="8" width="9.625" style="10" customWidth="1"/>
    <col min="9" max="9" width="18.75" style="10" customWidth="1"/>
    <col min="10" max="10" width="20.625" style="65" customWidth="1"/>
    <col min="11" max="11" width="3.625" style="10"/>
    <col min="12" max="12" width="12.25" style="10" bestFit="1" customWidth="1"/>
    <col min="13" max="16384" width="3.625" style="10"/>
  </cols>
  <sheetData>
    <row r="1" spans="1:10" ht="30" customHeight="1" thickBot="1" x14ac:dyDescent="0.2">
      <c r="A1" s="1" t="s">
        <v>0</v>
      </c>
      <c r="B1" s="2" t="s">
        <v>1</v>
      </c>
      <c r="C1" s="3" t="s">
        <v>2</v>
      </c>
      <c r="D1" s="4" t="s">
        <v>3</v>
      </c>
      <c r="E1" s="6"/>
      <c r="F1" s="7" t="s">
        <v>4</v>
      </c>
      <c r="G1" s="5" t="s">
        <v>5</v>
      </c>
      <c r="H1" s="5" t="s">
        <v>6</v>
      </c>
      <c r="I1" s="8" t="s">
        <v>7</v>
      </c>
      <c r="J1" s="9" t="s">
        <v>8</v>
      </c>
    </row>
    <row r="2" spans="1:10" ht="30" customHeight="1" x14ac:dyDescent="0.15">
      <c r="A2" s="11" t="s">
        <v>9</v>
      </c>
      <c r="B2" s="12" t="s">
        <v>10</v>
      </c>
      <c r="C2" s="13" t="s">
        <v>11</v>
      </c>
      <c r="D2" s="14">
        <v>50</v>
      </c>
      <c r="E2" s="15"/>
      <c r="F2" s="16" t="s">
        <v>12</v>
      </c>
      <c r="G2" s="17" t="s">
        <v>13</v>
      </c>
      <c r="H2" s="18" t="s">
        <v>13</v>
      </c>
      <c r="I2" s="19" t="s">
        <v>14</v>
      </c>
      <c r="J2" s="20" t="s">
        <v>15</v>
      </c>
    </row>
    <row r="3" spans="1:10" ht="30" customHeight="1" x14ac:dyDescent="0.15">
      <c r="A3" s="21"/>
      <c r="B3" s="22" t="s">
        <v>16</v>
      </c>
      <c r="C3" s="23" t="s">
        <v>17</v>
      </c>
      <c r="D3" s="14">
        <v>15</v>
      </c>
      <c r="E3" s="15"/>
      <c r="F3" s="16" t="s">
        <v>18</v>
      </c>
      <c r="G3" s="24" t="s">
        <v>19</v>
      </c>
      <c r="H3" s="24" t="s">
        <v>20</v>
      </c>
      <c r="I3" s="15" t="s">
        <v>21</v>
      </c>
      <c r="J3" s="25" t="s">
        <v>22</v>
      </c>
    </row>
    <row r="4" spans="1:10" ht="30" customHeight="1" x14ac:dyDescent="0.15">
      <c r="A4" s="21"/>
      <c r="B4" s="26" t="s">
        <v>23</v>
      </c>
      <c r="C4" s="27" t="s">
        <v>17</v>
      </c>
      <c r="D4" s="28">
        <v>10</v>
      </c>
      <c r="E4" s="19"/>
      <c r="F4" s="29" t="s">
        <v>24</v>
      </c>
      <c r="G4" s="30" t="s">
        <v>25</v>
      </c>
      <c r="H4" s="30" t="s">
        <v>26</v>
      </c>
      <c r="I4" s="19" t="s">
        <v>21</v>
      </c>
      <c r="J4" s="31" t="s">
        <v>22</v>
      </c>
    </row>
    <row r="5" spans="1:10" ht="30" customHeight="1" thickBot="1" x14ac:dyDescent="0.2">
      <c r="A5" s="32"/>
      <c r="B5" s="33" t="s">
        <v>27</v>
      </c>
      <c r="C5" s="34" t="s">
        <v>28</v>
      </c>
      <c r="D5" s="35">
        <v>15</v>
      </c>
      <c r="E5" s="36"/>
      <c r="F5" s="37" t="s">
        <v>29</v>
      </c>
      <c r="G5" s="38" t="s">
        <v>30</v>
      </c>
      <c r="H5" s="38" t="s">
        <v>31</v>
      </c>
      <c r="I5" s="35" t="s">
        <v>32</v>
      </c>
      <c r="J5" s="39" t="s">
        <v>22</v>
      </c>
    </row>
    <row r="6" spans="1:10" ht="30" customHeight="1" x14ac:dyDescent="0.15">
      <c r="A6" s="40" t="s">
        <v>33</v>
      </c>
      <c r="B6" s="41" t="s">
        <v>34</v>
      </c>
      <c r="C6" s="42" t="s">
        <v>35</v>
      </c>
      <c r="D6" s="43">
        <v>60</v>
      </c>
      <c r="E6" s="44"/>
      <c r="F6" s="44" t="s">
        <v>36</v>
      </c>
      <c r="G6" s="45" t="s">
        <v>37</v>
      </c>
      <c r="H6" s="46" t="s">
        <v>37</v>
      </c>
      <c r="I6" s="47" t="s">
        <v>32</v>
      </c>
      <c r="J6" s="20" t="s">
        <v>38</v>
      </c>
    </row>
    <row r="7" spans="1:10" ht="30" customHeight="1" x14ac:dyDescent="0.15">
      <c r="A7" s="48"/>
      <c r="B7" s="22" t="s">
        <v>39</v>
      </c>
      <c r="C7" s="49" t="s">
        <v>35</v>
      </c>
      <c r="D7" s="14">
        <v>35</v>
      </c>
      <c r="E7" s="16"/>
      <c r="F7" s="16" t="s">
        <v>40</v>
      </c>
      <c r="G7" s="51" t="s">
        <v>41</v>
      </c>
      <c r="H7" s="51" t="s">
        <v>42</v>
      </c>
      <c r="I7" s="15" t="s">
        <v>32</v>
      </c>
      <c r="J7" s="31" t="s">
        <v>22</v>
      </c>
    </row>
    <row r="8" spans="1:10" ht="30" customHeight="1" x14ac:dyDescent="0.15">
      <c r="A8" s="48"/>
      <c r="B8" s="26" t="s">
        <v>43</v>
      </c>
      <c r="C8" s="49" t="s">
        <v>35</v>
      </c>
      <c r="D8" s="28">
        <v>25</v>
      </c>
      <c r="E8" s="29"/>
      <c r="F8" s="29" t="s">
        <v>44</v>
      </c>
      <c r="G8" s="51" t="s">
        <v>45</v>
      </c>
      <c r="H8" s="51" t="s">
        <v>45</v>
      </c>
      <c r="I8" s="15" t="s">
        <v>32</v>
      </c>
      <c r="J8" s="25" t="s">
        <v>38</v>
      </c>
    </row>
    <row r="9" spans="1:10" ht="30" customHeight="1" x14ac:dyDescent="0.15">
      <c r="A9" s="48"/>
      <c r="B9" s="26" t="s">
        <v>46</v>
      </c>
      <c r="C9" s="49" t="s">
        <v>47</v>
      </c>
      <c r="D9" s="28">
        <v>6</v>
      </c>
      <c r="E9" s="29"/>
      <c r="F9" s="29" t="s">
        <v>48</v>
      </c>
      <c r="G9" s="51" t="s">
        <v>49</v>
      </c>
      <c r="H9" s="51" t="s">
        <v>49</v>
      </c>
      <c r="I9" s="15" t="s">
        <v>32</v>
      </c>
      <c r="J9" s="31" t="s">
        <v>22</v>
      </c>
    </row>
    <row r="10" spans="1:10" ht="30" customHeight="1" x14ac:dyDescent="0.15">
      <c r="A10" s="48"/>
      <c r="B10" s="22" t="s">
        <v>50</v>
      </c>
      <c r="C10" s="49" t="s">
        <v>51</v>
      </c>
      <c r="D10" s="14">
        <v>6</v>
      </c>
      <c r="E10" s="16"/>
      <c r="F10" s="16" t="s">
        <v>52</v>
      </c>
      <c r="G10" s="51" t="s">
        <v>53</v>
      </c>
      <c r="H10" s="51" t="s">
        <v>54</v>
      </c>
      <c r="I10" s="15" t="s">
        <v>32</v>
      </c>
      <c r="J10" s="25" t="s">
        <v>55</v>
      </c>
    </row>
    <row r="11" spans="1:10" ht="30" customHeight="1" x14ac:dyDescent="0.15">
      <c r="A11" s="48"/>
      <c r="B11" s="22" t="s">
        <v>56</v>
      </c>
      <c r="C11" s="49" t="s">
        <v>57</v>
      </c>
      <c r="D11" s="50">
        <v>15</v>
      </c>
      <c r="E11" s="15"/>
      <c r="F11" s="52" t="s">
        <v>58</v>
      </c>
      <c r="G11" s="53" t="s">
        <v>59</v>
      </c>
      <c r="H11" s="53" t="s">
        <v>60</v>
      </c>
      <c r="I11" s="50" t="s">
        <v>32</v>
      </c>
      <c r="J11" s="25" t="s">
        <v>55</v>
      </c>
    </row>
    <row r="12" spans="1:10" ht="30" customHeight="1" thickBot="1" x14ac:dyDescent="0.2">
      <c r="A12" s="54"/>
      <c r="B12" s="33" t="s">
        <v>61</v>
      </c>
      <c r="C12" s="34" t="s">
        <v>28</v>
      </c>
      <c r="D12" s="35">
        <v>15</v>
      </c>
      <c r="E12" s="36"/>
      <c r="F12" s="37" t="s">
        <v>62</v>
      </c>
      <c r="G12" s="38" t="s">
        <v>63</v>
      </c>
      <c r="H12" s="38" t="s">
        <v>63</v>
      </c>
      <c r="I12" s="35" t="s">
        <v>32</v>
      </c>
      <c r="J12" s="39" t="s">
        <v>22</v>
      </c>
    </row>
    <row r="13" spans="1:10" ht="30" customHeight="1" thickBot="1" x14ac:dyDescent="0.2">
      <c r="A13" s="55" t="s">
        <v>64</v>
      </c>
      <c r="B13" s="56" t="s">
        <v>65</v>
      </c>
      <c r="C13" s="57" t="s">
        <v>11</v>
      </c>
      <c r="D13" s="58">
        <v>50</v>
      </c>
      <c r="E13" s="59"/>
      <c r="F13" s="60" t="s">
        <v>66</v>
      </c>
      <c r="G13" s="61" t="s">
        <v>67</v>
      </c>
      <c r="H13" s="61" t="s">
        <v>68</v>
      </c>
      <c r="I13" s="58" t="s">
        <v>32</v>
      </c>
      <c r="J13" s="62" t="s">
        <v>69</v>
      </c>
    </row>
    <row r="14" spans="1:10" ht="30" customHeight="1" x14ac:dyDescent="0.15">
      <c r="A14" s="63"/>
      <c r="G14" s="64"/>
      <c r="H14" s="64"/>
      <c r="I14" s="64"/>
    </row>
  </sheetData>
  <mergeCells count="2">
    <mergeCell ref="A2:A5"/>
    <mergeCell ref="A6:A12"/>
  </mergeCells>
  <phoneticPr fontId="3"/>
  <printOptions horizontalCentered="1"/>
  <pageMargins left="0.19685039370078741" right="0.19685039370078741" top="0.78740157480314965" bottom="0.59055118110236227" header="0.39370078740157483" footer="0.51181102362204722"/>
  <pageSetup paperSize="9" scale="70" orientation="portrait" horizontalDpi="300" verticalDpi="300" r:id="rId1"/>
  <headerFooter alignWithMargins="0">
    <oddHeader xml:space="preserve">&amp;C&amp;"ＭＳ 明朝,太字"&amp;14令和６年度幼稚園等一覧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射水市(HP用・幼稚園) </vt:lpstr>
      <vt:lpstr>'射水市(HP用・幼稚園) '!Print_Area</vt:lpstr>
    </vt:vector>
  </TitlesOfParts>
  <Company>射水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沢 咲希</dc:creator>
  <cp:lastModifiedBy>井沢 咲希</cp:lastModifiedBy>
  <dcterms:created xsi:type="dcterms:W3CDTF">2024-04-11T00:29:35Z</dcterms:created>
  <dcterms:modified xsi:type="dcterms:W3CDTF">2024-04-11T00:30:28Z</dcterms:modified>
</cp:coreProperties>
</file>